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  <p:sldId id="275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8E774FE-C623-407A-A3E7-31DFB9640369}" v="1" dt="2024-11-19T07:44:06.15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12" d="100"/>
          <a:sy n="112" d="100"/>
        </p:scale>
        <p:origin x="470" y="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microsoft.com/office/2015/10/relationships/revisionInfo" Target="revisionInfo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9/12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iata-aviation-energy-forum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Background Image">
            <a:extLst>
              <a:ext uri="{FF2B5EF4-FFF2-40B4-BE49-F238E27FC236}">
                <a16:creationId xmlns:a16="http://schemas.microsoft.com/office/drawing/2014/main" id="{7F515EA1-2286-858E-F3A6-BD474CB8ED3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-13063"/>
            <a:ext cx="12215223" cy="687106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AEF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AEF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A038923-FFF2-2388-BD59-A0D9B285328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62923" y="3689300"/>
            <a:ext cx="4866155" cy="27328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1409" y="5446"/>
            <a:ext cx="12191999" cy="6847106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1"/>
            <a:ext cx="12191998" cy="68579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9"/>
          <a:stretch/>
        </p:blipFill>
        <p:spPr>
          <a:xfrm>
            <a:off x="2" y="1"/>
            <a:ext cx="12191996" cy="68579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16417659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2eadba58-e126-4376-a990-0aa57db4a390" xsi:nil="true"/>
    <lcf76f155ced4ddcb4097134ff3c332f xmlns="4b435377-edb6-4100-b105-be65eb1d9570">
      <Terms xmlns="http://schemas.microsoft.com/office/infopath/2007/PartnerControls"/>
    </lcf76f155ced4ddcb4097134ff3c332f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D77EC9A57561341971267BE12572E5A" ma:contentTypeVersion="10" ma:contentTypeDescription="Create a new document." ma:contentTypeScope="" ma:versionID="4185176d8bf305d2251d7c276a8eabef">
  <xsd:schema xmlns:xsd="http://www.w3.org/2001/XMLSchema" xmlns:xs="http://www.w3.org/2001/XMLSchema" xmlns:p="http://schemas.microsoft.com/office/2006/metadata/properties" xmlns:ns2="4b435377-edb6-4100-b105-be65eb1d9570" xmlns:ns3="2eadba58-e126-4376-a990-0aa57db4a390" targetNamespace="http://schemas.microsoft.com/office/2006/metadata/properties" ma:root="true" ma:fieldsID="f97324b2098bc51c962381bd085fafb9" ns2:_="" ns3:_="">
    <xsd:import namespace="4b435377-edb6-4100-b105-be65eb1d9570"/>
    <xsd:import namespace="2eadba58-e126-4376-a990-0aa57db4a39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b435377-edb6-4100-b105-be65eb1d957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eadba58-e126-4376-a990-0aa57db4a390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5b1b538c-2671-4e3e-a882-21c75f39b53a}" ma:internalName="TaxCatchAll" ma:showField="CatchAllData" ma:web="2eadba58-e126-4376-a990-0aa57db4a39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34183C6-7270-4AC2-9CD2-45B68A49FD3D}">
  <ds:schemaRefs>
    <ds:schemaRef ds:uri="http://schemas.microsoft.com/office/2006/metadata/properties"/>
    <ds:schemaRef ds:uri="2eadba58-e126-4376-a990-0aa57db4a390"/>
    <ds:schemaRef ds:uri="http://purl.org/dc/terms/"/>
    <ds:schemaRef ds:uri="http://schemas.microsoft.com/office/2006/documentManagement/types"/>
    <ds:schemaRef ds:uri="4b435377-edb6-4100-b105-be65eb1d9570"/>
    <ds:schemaRef ds:uri="http://schemas.microsoft.com/office/infopath/2007/PartnerControls"/>
    <ds:schemaRef ds:uri="http://purl.org/dc/elements/1.1/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1DD1490-A484-48EF-AD4A-004A3B1CBA7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b435377-edb6-4100-b105-be65eb1d9570"/>
    <ds:schemaRef ds:uri="2eadba58-e126-4376-a990-0aa57db4a39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09</TotalTime>
  <Words>111</Words>
  <Application>Microsoft Office PowerPoint</Application>
  <PresentationFormat>Widescreen</PresentationFormat>
  <Paragraphs>8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1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Anastasia Shimakela</cp:lastModifiedBy>
  <cp:revision>3</cp:revision>
  <dcterms:created xsi:type="dcterms:W3CDTF">2023-06-13T12:34:15Z</dcterms:created>
  <dcterms:modified xsi:type="dcterms:W3CDTF">2024-12-09T13:02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D77EC9A57561341971267BE12572E5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